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D9A117E" w14:textId="7E9D8079" w:rsidR="00F33499" w:rsidRDefault="00F33499" w:rsidP="00F33499">
      <w:pPr>
        <w:pStyle w:val="Heading1NoNumber"/>
      </w:pPr>
      <w:r>
        <w:t>SWOT analysis template</w:t>
      </w:r>
    </w:p>
    <w:p w14:paraId="33FDAFAF" w14:textId="3C95E5B4" w:rsidR="00A7717D" w:rsidRDefault="00A7717D">
      <w:r>
        <w:t>Guiding questions for the Strengths, Weaknesses, Opportunities, Threats (SWOT) analysis</w:t>
      </w:r>
    </w:p>
    <w:tbl>
      <w:tblPr>
        <w:tblStyle w:val="TableGrid"/>
        <w:tblW w:w="0" w:type="auto"/>
        <w:shd w:val="clear" w:color="auto" w:fill="FFFFFF" w:themeFill="background1"/>
        <w:tblLook w:val="04A0" w:firstRow="1" w:lastRow="0" w:firstColumn="1" w:lastColumn="0" w:noHBand="0" w:noVBand="1"/>
      </w:tblPr>
      <w:tblGrid>
        <w:gridCol w:w="4814"/>
        <w:gridCol w:w="4814"/>
      </w:tblGrid>
      <w:tr w:rsidR="005C46EA" w:rsidRPr="00593E75" w14:paraId="3CFF7434" w14:textId="77777777" w:rsidTr="000B0B8B">
        <w:tc>
          <w:tcPr>
            <w:tcW w:w="4814" w:type="dxa"/>
            <w:shd w:val="clear" w:color="auto" w:fill="FFFFFF" w:themeFill="background1"/>
          </w:tcPr>
          <w:p w14:paraId="1756FFCD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Strengths</w:t>
            </w:r>
          </w:p>
        </w:tc>
        <w:tc>
          <w:tcPr>
            <w:tcW w:w="4814" w:type="dxa"/>
            <w:shd w:val="clear" w:color="auto" w:fill="FFFFFF" w:themeFill="background1"/>
          </w:tcPr>
          <w:p w14:paraId="7FA0202E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Opportunities</w:t>
            </w:r>
          </w:p>
        </w:tc>
      </w:tr>
      <w:tr w:rsidR="005C46EA" w:rsidRPr="00593E75" w14:paraId="6DF4FD9D" w14:textId="77777777" w:rsidTr="000B0B8B">
        <w:tc>
          <w:tcPr>
            <w:tcW w:w="4814" w:type="dxa"/>
            <w:shd w:val="clear" w:color="auto" w:fill="FFFFFF" w:themeFill="background1"/>
          </w:tcPr>
          <w:p w14:paraId="2F19D385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7D24E0B3" w14:textId="0883D168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is special and different in your city when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compared with other cities, that you would like to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remain unchanged?</w:t>
            </w:r>
          </w:p>
          <w:p w14:paraId="7C10DD50" w14:textId="554DDEFE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="Times New Roman" w:hAnsi="Times New Roman" w:cs="Times New Roman"/>
                <w:i/>
                <w:sz w:val="20"/>
                <w:szCs w:val="20"/>
              </w:rPr>
              <w:t>What are the local area’s primary economic</w:t>
            </w:r>
            <w:r>
              <w:rPr>
                <w:rFonts w:ascii="Times New Roman" w:hAnsi="Times New Roman" w:cs="Times New Roman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pportunities?</w:t>
            </w:r>
          </w:p>
          <w:p w14:paraId="3583D398" w14:textId="00FD671B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="Times New Roman" w:hAnsi="Times New Roman" w:cs="Times New Roman"/>
                <w:i/>
                <w:sz w:val="20"/>
                <w:szCs w:val="20"/>
              </w:rPr>
              <w:t xml:space="preserve">What are the local area’s strongest assets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r resources? (</w:t>
            </w:r>
            <w:proofErr w:type="gramStart"/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such</w:t>
            </w:r>
            <w:proofErr w:type="gramEnd"/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as a skilled work force,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beautiful waterfront, or strong manufacturing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base)</w:t>
            </w:r>
          </w:p>
          <w:p w14:paraId="06536BEF" w14:textId="074FC5CA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opportunities exist to maximize the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strength of these assets or resources?</w:t>
            </w:r>
          </w:p>
          <w:p w14:paraId="11FC5094" w14:textId="6F6F03CF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resources could, with support, promotion,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r investment, become strengths?</w:t>
            </w:r>
          </w:p>
          <w:p w14:paraId="68F7ACE1" w14:textId="77777777" w:rsid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Does your city/region have raw materials or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resources (</w:t>
            </w:r>
            <w:proofErr w:type="gramStart"/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e.g.</w:t>
            </w:r>
            <w:proofErr w:type="gramEnd"/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timber, agriculture, tourism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resources) that may be improved or further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processed and sold at a higher price?</w:t>
            </w:r>
          </w:p>
          <w:p w14:paraId="614517FD" w14:textId="3A36F23C" w:rsidR="00A7717D" w:rsidRPr="005C46EA" w:rsidRDefault="00A7717D" w:rsidP="00A7717D">
            <w:pPr>
              <w:pStyle w:val="Default"/>
              <w:rPr>
                <w:rFonts w:asciiTheme="minorHAnsi" w:hAnsiTheme="minorHAnsi" w:cstheme="minorHAnsi"/>
                <w:i/>
                <w:sz w:val="20"/>
                <w:szCs w:val="20"/>
              </w:rPr>
            </w:pPr>
          </w:p>
        </w:tc>
        <w:tc>
          <w:tcPr>
            <w:tcW w:w="4814" w:type="dxa"/>
            <w:shd w:val="clear" w:color="auto" w:fill="FFFFFF" w:themeFill="background1"/>
          </w:tcPr>
          <w:p w14:paraId="32B633BB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7B2CD671" w14:textId="1F3B12DB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opportunities exist to maximize, enhance,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r support existing strengths that have been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identified?</w:t>
            </w:r>
          </w:p>
          <w:p w14:paraId="1C1C6DAB" w14:textId="77777777" w:rsid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opportunities external to the local area can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be identified?</w:t>
            </w:r>
          </w:p>
          <w:p w14:paraId="24063192" w14:textId="3856A511" w:rsidR="005C46EA" w:rsidRP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Are there areas of economic interest shared with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nearby cities and opportunities to collaborate?</w:t>
            </w:r>
          </w:p>
          <w:p w14:paraId="7E90950E" w14:textId="77777777" w:rsidR="005C46EA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regional or national trends could be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pportunities for local economic development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(for example, social, demographic, political,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policy-related, or economic trends)</w:t>
            </w:r>
          </w:p>
          <w:p w14:paraId="12E17292" w14:textId="2B854D92" w:rsidR="00A7717D" w:rsidRPr="005C46EA" w:rsidRDefault="00A7717D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>Are there any opportunities related to digitization of the economy and access to broader markets?</w:t>
            </w:r>
          </w:p>
        </w:tc>
      </w:tr>
      <w:tr w:rsidR="005C46EA" w:rsidRPr="00593E75" w14:paraId="320B517D" w14:textId="77777777" w:rsidTr="000B0B8B">
        <w:tc>
          <w:tcPr>
            <w:tcW w:w="4814" w:type="dxa"/>
            <w:shd w:val="clear" w:color="auto" w:fill="FFFFFF" w:themeFill="background1"/>
          </w:tcPr>
          <w:p w14:paraId="6AB2612D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Weaknesses</w:t>
            </w:r>
          </w:p>
        </w:tc>
        <w:tc>
          <w:tcPr>
            <w:tcW w:w="4814" w:type="dxa"/>
            <w:shd w:val="clear" w:color="auto" w:fill="FFFFFF" w:themeFill="background1"/>
          </w:tcPr>
          <w:p w14:paraId="5846DFFA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Threats</w:t>
            </w:r>
          </w:p>
        </w:tc>
      </w:tr>
      <w:tr w:rsidR="005C46EA" w:rsidRPr="00593E75" w14:paraId="643156D9" w14:textId="77777777" w:rsidTr="000B0B8B">
        <w:tc>
          <w:tcPr>
            <w:tcW w:w="4814" w:type="dxa"/>
            <w:shd w:val="clear" w:color="auto" w:fill="FFFFFF" w:themeFill="background1"/>
          </w:tcPr>
          <w:p w14:paraId="7741EFD0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4A97BA96" w14:textId="5480517E" w:rsidR="005C46EA" w:rsidRPr="005C46EA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What </w:t>
            </w:r>
            <w:proofErr w:type="gramStart"/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>are</w:t>
            </w:r>
            <w:proofErr w:type="gramEnd"/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the area’s biggest </w:t>
            </w: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or problems (think back to what triggered the</w:t>
            </w:r>
            <w:r w:rsid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planning process; what was identified through the business surveys)?</w:t>
            </w:r>
          </w:p>
          <w:p w14:paraId="7E84B858" w14:textId="1EC2D082" w:rsidR="005C46EA" w:rsidRPr="00A7717D" w:rsidRDefault="005C46EA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5C46EA">
              <w:rPr>
                <w:rFonts w:asciiTheme="minorHAnsi" w:hAnsiTheme="minorHAnsi" w:cstheme="minorHAnsi"/>
                <w:i/>
                <w:sz w:val="20"/>
                <w:szCs w:val="20"/>
              </w:rPr>
              <w:t>What are the liabilities or barriers that can limit</w:t>
            </w:r>
            <w:r w:rsid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LED?</w:t>
            </w:r>
          </w:p>
          <w:p w14:paraId="043D867C" w14:textId="4E21FF2A" w:rsidR="005C46EA" w:rsidRPr="00A7717D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What problems are faced by businesses in</w:t>
            </w:r>
            <w:r w:rsidR="00A7717D"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dealing with local government and other tiers of</w:t>
            </w:r>
            <w:r w:rsid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government?</w:t>
            </w:r>
          </w:p>
          <w:p w14:paraId="2E425B77" w14:textId="5D0C14C7" w:rsidR="005C46EA" w:rsidRPr="00A7717D" w:rsidRDefault="005C46EA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What are the needs and constraints that restrict</w:t>
            </w:r>
            <w:r w:rsidR="00A7717D"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the accomplishment of business and economic</w:t>
            </w:r>
            <w:r w:rsid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development initiatives (</w:t>
            </w:r>
            <w:proofErr w:type="gramStart"/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e.g.</w:t>
            </w:r>
            <w:proofErr w:type="gramEnd"/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need for retraining,</w:t>
            </w:r>
            <w:r w:rsid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poor management experience)?</w:t>
            </w:r>
          </w:p>
        </w:tc>
        <w:tc>
          <w:tcPr>
            <w:tcW w:w="4814" w:type="dxa"/>
            <w:shd w:val="clear" w:color="auto" w:fill="FFFFFF" w:themeFill="background1"/>
          </w:tcPr>
          <w:p w14:paraId="42BBAC9D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0D05580D" w14:textId="5B2E17A4" w:rsid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>What threatens identified strengths?</w:t>
            </w:r>
          </w:p>
          <w:p w14:paraId="35E70052" w14:textId="09523B57" w:rsidR="00A7717D" w:rsidRP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What threatens the viability of identified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opportunities?</w:t>
            </w:r>
          </w:p>
          <w:p w14:paraId="0B05D29B" w14:textId="7ECB2F48" w:rsidR="00A7717D" w:rsidRP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What weaknesses threaten to become worse,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and under what circumstances?</w:t>
            </w:r>
          </w:p>
          <w:p w14:paraId="6D0AB6D0" w14:textId="43D8C766" w:rsidR="00A7717D" w:rsidRPr="00B75925" w:rsidRDefault="00A7717D" w:rsidP="00B75925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Are any competitors emerging that threaten local</w:t>
            </w:r>
            <w:r w:rsidR="00B75925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B75925">
              <w:rPr>
                <w:rFonts w:asciiTheme="minorHAnsi" w:hAnsiTheme="minorHAnsi" w:cstheme="minorHAnsi"/>
                <w:i/>
                <w:sz w:val="20"/>
                <w:szCs w:val="20"/>
              </w:rPr>
              <w:t>industry? What are their advantages?</w:t>
            </w:r>
          </w:p>
          <w:p w14:paraId="2F8B3EEF" w14:textId="53800886" w:rsidR="00A7717D" w:rsidRP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What regional and national trends could become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threats to local economic development? (For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example, social, demographic, political,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policy related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, or economic trends)</w:t>
            </w:r>
          </w:p>
          <w:p w14:paraId="661B2F70" w14:textId="77777777" w:rsid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i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Are there natural hazards that may impact your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city? Can steps be made towards prevention or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mitigation?</w:t>
            </w:r>
          </w:p>
          <w:p w14:paraId="4C0E5404" w14:textId="46976CD5" w:rsidR="005C46EA" w:rsidRPr="00A7717D" w:rsidRDefault="00A7717D" w:rsidP="00A7717D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Are there environmental factors (</w:t>
            </w:r>
            <w:proofErr w:type="gramStart"/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e.g.</w:t>
            </w:r>
            <w:proofErr w:type="gramEnd"/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pollution)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that negatively impact community health,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lowering quality of life, attractiveness of the area,</w:t>
            </w:r>
            <w:r>
              <w:rPr>
                <w:rFonts w:asciiTheme="minorHAnsi" w:hAnsiTheme="minorHAnsi" w:cstheme="minorHAnsi"/>
                <w:i/>
                <w:sz w:val="20"/>
                <w:szCs w:val="20"/>
              </w:rPr>
              <w:t xml:space="preserve"> </w:t>
            </w:r>
            <w:r w:rsidRPr="00A7717D">
              <w:rPr>
                <w:rFonts w:asciiTheme="minorHAnsi" w:hAnsiTheme="minorHAnsi" w:cstheme="minorHAnsi"/>
                <w:i/>
                <w:sz w:val="20"/>
                <w:szCs w:val="20"/>
              </w:rPr>
              <w:t>and worker productivity?</w:t>
            </w:r>
          </w:p>
          <w:p w14:paraId="5CB9EFCC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sz w:val="20"/>
                <w:szCs w:val="20"/>
              </w:rPr>
            </w:pPr>
          </w:p>
        </w:tc>
      </w:tr>
    </w:tbl>
    <w:p w14:paraId="6D0224C6" w14:textId="0649A05E" w:rsidR="005C46EA" w:rsidRDefault="005C46EA"/>
    <w:p w14:paraId="5199E0EF" w14:textId="4C3F1E36" w:rsidR="00A7717D" w:rsidRDefault="00A7717D">
      <w:pPr>
        <w:spacing w:after="0"/>
      </w:pPr>
      <w:r>
        <w:br w:type="page"/>
      </w:r>
    </w:p>
    <w:p w14:paraId="2C76CBD8" w14:textId="420D5B76" w:rsidR="005C46EA" w:rsidRDefault="00A7717D">
      <w:r>
        <w:lastRenderedPageBreak/>
        <w:t xml:space="preserve">Worked example: </w:t>
      </w:r>
    </w:p>
    <w:tbl>
      <w:tblPr>
        <w:tblStyle w:val="TableGrid"/>
        <w:tblW w:w="0" w:type="auto"/>
        <w:shd w:val="clear" w:color="auto" w:fill="FFFFFF" w:themeFill="background1"/>
        <w:tblLook w:val="04A0" w:firstRow="1" w:lastRow="0" w:firstColumn="1" w:lastColumn="0" w:noHBand="0" w:noVBand="1"/>
      </w:tblPr>
      <w:tblGrid>
        <w:gridCol w:w="4814"/>
        <w:gridCol w:w="4814"/>
      </w:tblGrid>
      <w:tr w:rsidR="005C46EA" w:rsidRPr="00593E75" w14:paraId="34013D73" w14:textId="77777777" w:rsidTr="000B0B8B">
        <w:tc>
          <w:tcPr>
            <w:tcW w:w="4814" w:type="dxa"/>
            <w:shd w:val="clear" w:color="auto" w:fill="FFFFFF" w:themeFill="background1"/>
          </w:tcPr>
          <w:p w14:paraId="68558930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Strengths</w:t>
            </w:r>
          </w:p>
        </w:tc>
        <w:tc>
          <w:tcPr>
            <w:tcW w:w="4814" w:type="dxa"/>
            <w:shd w:val="clear" w:color="auto" w:fill="FFFFFF" w:themeFill="background1"/>
          </w:tcPr>
          <w:p w14:paraId="347CD4EC" w14:textId="77777777" w:rsidR="005C46EA" w:rsidRPr="00DE2930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DE2930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Opportunities</w:t>
            </w:r>
          </w:p>
        </w:tc>
      </w:tr>
      <w:tr w:rsidR="005C46EA" w:rsidRPr="00593E75" w14:paraId="7E23B0B9" w14:textId="77777777" w:rsidTr="000B0B8B">
        <w:tc>
          <w:tcPr>
            <w:tcW w:w="4814" w:type="dxa"/>
            <w:shd w:val="clear" w:color="auto" w:fill="FFFFFF" w:themeFill="background1"/>
          </w:tcPr>
          <w:p w14:paraId="2E9F24D8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2A55318F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Economic assets (biggest sectors of employment) </w:t>
            </w:r>
          </w:p>
          <w:p w14:paraId="215B128B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People assets (skills, population, sectors of community leaders)</w:t>
            </w:r>
          </w:p>
          <w:p w14:paraId="3DE31EEF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Transport assets</w:t>
            </w:r>
          </w:p>
          <w:p w14:paraId="4D2698C1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Knowledge assets (schools, universities, major institutions)</w:t>
            </w:r>
          </w:p>
          <w:p w14:paraId="5CBF0D76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Cultural assets </w:t>
            </w:r>
          </w:p>
          <w:p w14:paraId="2874508B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Economic history and context </w:t>
            </w:r>
          </w:p>
          <w:p w14:paraId="1142B4D3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Concentration of business types and expertise </w:t>
            </w:r>
          </w:p>
          <w:p w14:paraId="471FAB57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Expertise in knowledge based economic sectors </w:t>
            </w:r>
          </w:p>
          <w:p w14:paraId="24FCF449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Accumulation of modern built environment assets </w:t>
            </w:r>
          </w:p>
          <w:p w14:paraId="17345988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Appeal to visitors (short and long term)</w:t>
            </w:r>
          </w:p>
          <w:p w14:paraId="4E5B750C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Cachet and branding</w:t>
            </w:r>
          </w:p>
          <w:p w14:paraId="25A62181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Reputation for quality of life </w:t>
            </w:r>
          </w:p>
          <w:p w14:paraId="71602B06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Examples of collaboration between knowledge assets and actors </w:t>
            </w:r>
          </w:p>
          <w:p w14:paraId="115F8B3B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sz w:val="20"/>
                <w:szCs w:val="20"/>
              </w:rPr>
            </w:pPr>
          </w:p>
        </w:tc>
        <w:tc>
          <w:tcPr>
            <w:tcW w:w="4814" w:type="dxa"/>
            <w:shd w:val="clear" w:color="auto" w:fill="FFFFFF" w:themeFill="background1"/>
          </w:tcPr>
          <w:p w14:paraId="196D0843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06E2C42A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Growing appetite to live, work, and play in high amenity higher density urban environments</w:t>
            </w:r>
          </w:p>
          <w:p w14:paraId="448C4038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Potential talent pipeline </w:t>
            </w:r>
          </w:p>
          <w:p w14:paraId="538890B0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Infrastructure investment from central government</w:t>
            </w:r>
          </w:p>
          <w:p w14:paraId="3923A2CE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Potential to create specialised precincts/ agglomerations in brownfield sites with improved place management</w:t>
            </w:r>
          </w:p>
          <w:p w14:paraId="27297DC6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Existing knowledge and customer base to grow industries at interface of growth sectors knowledge/ fintech/ digital</w:t>
            </w:r>
          </w:p>
          <w:p w14:paraId="7DCACC99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Infrastructure investment cycle and renewal means larger set of opportunities to manage growth</w:t>
            </w:r>
          </w:p>
          <w:p w14:paraId="68180835" w14:textId="77777777" w:rsidR="005C46EA" w:rsidRPr="00F33499" w:rsidRDefault="005C46EA" w:rsidP="005C46EA">
            <w:pPr>
              <w:pStyle w:val="Default"/>
              <w:numPr>
                <w:ilvl w:val="0"/>
                <w:numId w:val="29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Sites that </w:t>
            </w:r>
            <w:proofErr w:type="gramStart"/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have the ability to</w:t>
            </w:r>
            <w:proofErr w:type="gramEnd"/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 cater for change </w:t>
            </w:r>
          </w:p>
          <w:p w14:paraId="7CFFD88E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sz w:val="20"/>
                <w:szCs w:val="20"/>
              </w:rPr>
            </w:pPr>
          </w:p>
        </w:tc>
      </w:tr>
      <w:tr w:rsidR="005C46EA" w:rsidRPr="00593E75" w14:paraId="0BD88572" w14:textId="77777777" w:rsidTr="000B0B8B">
        <w:tc>
          <w:tcPr>
            <w:tcW w:w="4814" w:type="dxa"/>
            <w:shd w:val="clear" w:color="auto" w:fill="FFFFFF" w:themeFill="background1"/>
          </w:tcPr>
          <w:p w14:paraId="3A3FB433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Weaknesses</w:t>
            </w:r>
          </w:p>
        </w:tc>
        <w:tc>
          <w:tcPr>
            <w:tcW w:w="4814" w:type="dxa"/>
            <w:shd w:val="clear" w:color="auto" w:fill="FFFFFF" w:themeFill="background1"/>
          </w:tcPr>
          <w:p w14:paraId="38F0E045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Threats</w:t>
            </w:r>
          </w:p>
        </w:tc>
      </w:tr>
      <w:tr w:rsidR="005C46EA" w:rsidRPr="00593E75" w14:paraId="79009C5C" w14:textId="77777777" w:rsidTr="000B0B8B">
        <w:tc>
          <w:tcPr>
            <w:tcW w:w="4814" w:type="dxa"/>
            <w:shd w:val="clear" w:color="auto" w:fill="FFFFFF" w:themeFill="background1"/>
          </w:tcPr>
          <w:p w14:paraId="0C8419BE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42DC51C2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Evidence of limited local government support for the business community</w:t>
            </w:r>
          </w:p>
          <w:p w14:paraId="1939611C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Not yet excelling in economic metrics (job growth, business creation, building and development activity, low returns to education)</w:t>
            </w:r>
          </w:p>
          <w:p w14:paraId="494F3CA6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Local infrastructure impacting on town life (time spent travelling, high car dependence) </w:t>
            </w:r>
          </w:p>
          <w:p w14:paraId="7FD67F19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Low retention of skill and talented people </w:t>
            </w:r>
          </w:p>
          <w:p w14:paraId="62D6D745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Limited readiness for new urban technology (low internet use, low investment in tech infrastructure) </w:t>
            </w:r>
          </w:p>
          <w:p w14:paraId="670D4F33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Underdeveloped economic areas with pulling power for businesses, and poor sense of place acting as deterrent for investment </w:t>
            </w:r>
          </w:p>
          <w:p w14:paraId="04A44F44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Poor business brand identity, lacking in appeals to visitors and in employment </w:t>
            </w:r>
          </w:p>
        </w:tc>
        <w:tc>
          <w:tcPr>
            <w:tcW w:w="4814" w:type="dxa"/>
            <w:shd w:val="clear" w:color="auto" w:fill="FFFFFF" w:themeFill="background1"/>
          </w:tcPr>
          <w:p w14:paraId="2E81A138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</w:p>
          <w:p w14:paraId="3E12C00E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Reputation declines among broad base skilled people, including family age, unaffordability, and deterioration of public realm</w:t>
            </w:r>
          </w:p>
          <w:p w14:paraId="705EA356" w14:textId="0E3BC929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Chronic</w:t>
            </w:r>
            <w:r w:rsidR="00F33499">
              <w:rPr>
                <w:rFonts w:asciiTheme="minorHAnsi" w:hAnsiTheme="minorHAnsi" w:cstheme="minorHAnsi"/>
                <w:sz w:val="20"/>
                <w:szCs w:val="20"/>
              </w:rPr>
              <w:t xml:space="preserve"> housing</w:t>
            </w: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 affordability challenges, especially for families</w:t>
            </w:r>
          </w:p>
          <w:p w14:paraId="79AD1AAB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Perception of a “manufacturing town”: stuck in ageing economic offer </w:t>
            </w:r>
          </w:p>
          <w:p w14:paraId="00E4F8DA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>Data analytics, workflow automation and AI disruptions to the industrial sectors</w:t>
            </w:r>
          </w:p>
          <w:p w14:paraId="6B2B77DE" w14:textId="77777777" w:rsidR="005C46EA" w:rsidRPr="00F33499" w:rsidRDefault="005C46EA" w:rsidP="005C46EA">
            <w:pPr>
              <w:pStyle w:val="Default"/>
              <w:numPr>
                <w:ilvl w:val="0"/>
                <w:numId w:val="30"/>
              </w:numPr>
              <w:rPr>
                <w:rFonts w:asciiTheme="minorHAnsi" w:hAnsiTheme="minorHAnsi" w:cstheme="minorHAnsi"/>
                <w:sz w:val="20"/>
                <w:szCs w:val="20"/>
              </w:rPr>
            </w:pPr>
            <w:r w:rsidRPr="00F33499">
              <w:rPr>
                <w:rFonts w:asciiTheme="minorHAnsi" w:hAnsiTheme="minorHAnsi" w:cstheme="minorHAnsi"/>
                <w:sz w:val="20"/>
                <w:szCs w:val="20"/>
              </w:rPr>
              <w:t xml:space="preserve">Increased and unmanaged competition for business/jobs within broader town/region </w:t>
            </w:r>
          </w:p>
          <w:p w14:paraId="7DA27416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sz w:val="20"/>
                <w:szCs w:val="20"/>
              </w:rPr>
            </w:pPr>
          </w:p>
          <w:p w14:paraId="5C4C5FB5" w14:textId="77777777" w:rsidR="005C46EA" w:rsidRPr="00F33499" w:rsidRDefault="005C46EA" w:rsidP="000B0B8B">
            <w:pPr>
              <w:pStyle w:val="Default"/>
              <w:rPr>
                <w:rFonts w:asciiTheme="minorHAnsi" w:hAnsiTheme="minorHAnsi" w:cstheme="minorHAnsi"/>
                <w:sz w:val="20"/>
                <w:szCs w:val="20"/>
              </w:rPr>
            </w:pPr>
          </w:p>
        </w:tc>
      </w:tr>
    </w:tbl>
    <w:p w14:paraId="048D8EAA" w14:textId="157A95FC" w:rsidR="004E6917" w:rsidRDefault="004E6917" w:rsidP="004E6917"/>
    <w:p w14:paraId="1AD8AF67" w14:textId="31F29BCD" w:rsidR="00A7717D" w:rsidRPr="004E6917" w:rsidRDefault="00A7717D" w:rsidP="004E6917">
      <w:r w:rsidRPr="00B75925">
        <w:rPr>
          <w:b/>
          <w:bCs/>
        </w:rPr>
        <w:t xml:space="preserve">Other illustration of a good </w:t>
      </w:r>
      <w:r w:rsidR="00F33499">
        <w:rPr>
          <w:b/>
          <w:bCs/>
        </w:rPr>
        <w:t>SWOT</w:t>
      </w:r>
      <w:r>
        <w:t xml:space="preserve">: </w:t>
      </w:r>
      <w:hyperlink r:id="rId13" w:history="1">
        <w:r w:rsidR="00B75925" w:rsidRPr="00B75925">
          <w:rPr>
            <w:rStyle w:val="Hyperlink"/>
          </w:rPr>
          <w:t>Staveley (United Kingdom) Town Investment Plan</w:t>
        </w:r>
      </w:hyperlink>
      <w:r w:rsidR="00B75925">
        <w:t>, pages 23-24</w:t>
      </w:r>
    </w:p>
    <w:sectPr w:rsidR="00A7717D" w:rsidRPr="004E6917" w:rsidSect="00484F8A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701" w:right="1134" w:bottom="1417" w:left="1134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8151BFB" w14:textId="77777777" w:rsidR="005C46EA" w:rsidRDefault="005C46EA" w:rsidP="00F317CC">
      <w:r>
        <w:separator/>
      </w:r>
    </w:p>
  </w:endnote>
  <w:endnote w:type="continuationSeparator" w:id="0">
    <w:p w14:paraId="2763E158" w14:textId="77777777" w:rsidR="005C46EA" w:rsidRDefault="005C46EA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B20D46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685AAEB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50A9BEC6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0382E9AB" w14:textId="77777777" w:rsidR="00F85505" w:rsidRPr="00064AEE" w:rsidRDefault="00F85505" w:rsidP="00F85505"/>
      </w:tc>
      <w:tc>
        <w:tcPr>
          <w:tcW w:w="2102" w:type="pct"/>
        </w:tcPr>
        <w:p w14:paraId="504B01AA" w14:textId="77777777" w:rsidR="00F85505" w:rsidRPr="0085358C" w:rsidRDefault="00F85505" w:rsidP="00F85505"/>
      </w:tc>
      <w:tc>
        <w:tcPr>
          <w:tcW w:w="750" w:type="pct"/>
          <w:vAlign w:val="bottom"/>
        </w:tcPr>
        <w:p w14:paraId="688BA79A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1B088720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5A6C75B" w14:textId="77777777" w:rsidR="005C46EA" w:rsidRDefault="005C46EA" w:rsidP="00F317CC">
      <w:r>
        <w:separator/>
      </w:r>
    </w:p>
  </w:footnote>
  <w:footnote w:type="continuationSeparator" w:id="0">
    <w:p w14:paraId="2ACBE2F9" w14:textId="77777777" w:rsidR="005C46EA" w:rsidRDefault="005C46EA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102C72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5CFF79A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A2A603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7F01A4B"/>
    <w:multiLevelType w:val="hybridMultilevel"/>
    <w:tmpl w:val="29646844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0" w15:restartNumberingAfterBreak="0">
    <w:nsid w:val="1BEF4C0A"/>
    <w:multiLevelType w:val="multilevel"/>
    <w:tmpl w:val="0486E33C"/>
    <w:numStyleLink w:val="ListStyle-AppendixHeading"/>
  </w:abstractNum>
  <w:abstractNum w:abstractNumId="11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2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4" w15:restartNumberingAfterBreak="0">
    <w:nsid w:val="293E5D08"/>
    <w:multiLevelType w:val="multilevel"/>
    <w:tmpl w:val="D8CA6BB0"/>
    <w:numStyleLink w:val="ListStyle-ListBulletNoSpacing"/>
  </w:abstractNum>
  <w:abstractNum w:abstractNumId="15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6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7" w15:restartNumberingAfterBreak="0">
    <w:nsid w:val="34DD3967"/>
    <w:multiLevelType w:val="multilevel"/>
    <w:tmpl w:val="4ECA1CDC"/>
    <w:numStyleLink w:val="ListStyle-TableListNumber"/>
  </w:abstractNum>
  <w:abstractNum w:abstractNumId="18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9" w15:restartNumberingAfterBreak="0">
    <w:nsid w:val="4C687BF7"/>
    <w:multiLevelType w:val="multilevel"/>
    <w:tmpl w:val="CA3607A4"/>
    <w:numStyleLink w:val="ListStyle-Headings"/>
  </w:abstractNum>
  <w:abstractNum w:abstractNumId="20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1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2" w15:restartNumberingAfterBreak="0">
    <w:nsid w:val="5C934686"/>
    <w:multiLevelType w:val="multilevel"/>
    <w:tmpl w:val="DAD4A89A"/>
    <w:numStyleLink w:val="ListStyle-ListNumber"/>
  </w:abstractNum>
  <w:abstractNum w:abstractNumId="23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6A713FE6"/>
    <w:multiLevelType w:val="multilevel"/>
    <w:tmpl w:val="E9CA6A6C"/>
    <w:numStyleLink w:val="ListStyle-ListBullet"/>
  </w:abstractNum>
  <w:abstractNum w:abstractNumId="26" w15:restartNumberingAfterBreak="0">
    <w:nsid w:val="6F1676F9"/>
    <w:multiLevelType w:val="hybridMultilevel"/>
    <w:tmpl w:val="B34E69B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77536A25"/>
    <w:multiLevelType w:val="multilevel"/>
    <w:tmpl w:val="DBF02CFE"/>
    <w:numStyleLink w:val="ListStyle-TableListBullet"/>
  </w:abstractNum>
  <w:abstractNum w:abstractNumId="2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5"/>
  </w:num>
  <w:num w:numId="2" w16cid:durableId="1504471321">
    <w:abstractNumId w:val="12"/>
  </w:num>
  <w:num w:numId="3" w16cid:durableId="926695711">
    <w:abstractNumId w:val="4"/>
  </w:num>
  <w:num w:numId="4" w16cid:durableId="1890457838">
    <w:abstractNumId w:val="23"/>
  </w:num>
  <w:num w:numId="5" w16cid:durableId="267933485">
    <w:abstractNumId w:val="9"/>
  </w:num>
  <w:num w:numId="6" w16cid:durableId="538208499">
    <w:abstractNumId w:val="18"/>
  </w:num>
  <w:num w:numId="7" w16cid:durableId="73404859">
    <w:abstractNumId w:val="16"/>
  </w:num>
  <w:num w:numId="8" w16cid:durableId="1440837720">
    <w:abstractNumId w:val="11"/>
  </w:num>
  <w:num w:numId="9" w16cid:durableId="657727272">
    <w:abstractNumId w:val="20"/>
  </w:num>
  <w:num w:numId="10" w16cid:durableId="1868910300">
    <w:abstractNumId w:val="13"/>
  </w:num>
  <w:num w:numId="11" w16cid:durableId="128255142">
    <w:abstractNumId w:val="28"/>
  </w:num>
  <w:num w:numId="12" w16cid:durableId="9338471">
    <w:abstractNumId w:val="5"/>
  </w:num>
  <w:num w:numId="13" w16cid:durableId="1501651436">
    <w:abstractNumId w:val="19"/>
  </w:num>
  <w:num w:numId="14" w16cid:durableId="267859884">
    <w:abstractNumId w:val="29"/>
  </w:num>
  <w:num w:numId="15" w16cid:durableId="185872608">
    <w:abstractNumId w:val="10"/>
  </w:num>
  <w:num w:numId="16" w16cid:durableId="1136066695">
    <w:abstractNumId w:val="6"/>
  </w:num>
  <w:num w:numId="17" w16cid:durableId="80030097">
    <w:abstractNumId w:val="25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4"/>
  </w:num>
  <w:num w:numId="21" w16cid:durableId="670067731">
    <w:abstractNumId w:val="22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1"/>
  </w:num>
  <w:num w:numId="25" w16cid:durableId="185102246">
    <w:abstractNumId w:val="7"/>
  </w:num>
  <w:num w:numId="26" w16cid:durableId="585190846">
    <w:abstractNumId w:val="24"/>
  </w:num>
  <w:num w:numId="27" w16cid:durableId="1976983630">
    <w:abstractNumId w:val="27"/>
  </w:num>
  <w:num w:numId="28" w16cid:durableId="1272132837">
    <w:abstractNumId w:val="17"/>
  </w:num>
  <w:num w:numId="29" w16cid:durableId="229585299">
    <w:abstractNumId w:val="8"/>
  </w:num>
  <w:num w:numId="30" w16cid:durableId="160121377">
    <w:abstractNumId w:val="26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 w:grammar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C46EA"/>
    <w:rsid w:val="000339D4"/>
    <w:rsid w:val="000539BA"/>
    <w:rsid w:val="00070621"/>
    <w:rsid w:val="00080650"/>
    <w:rsid w:val="00085320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540A3"/>
    <w:rsid w:val="00255416"/>
    <w:rsid w:val="00255829"/>
    <w:rsid w:val="00262801"/>
    <w:rsid w:val="00263F0F"/>
    <w:rsid w:val="00292C1A"/>
    <w:rsid w:val="00294F31"/>
    <w:rsid w:val="00295D59"/>
    <w:rsid w:val="002A77AC"/>
    <w:rsid w:val="002D00D4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86B36"/>
    <w:rsid w:val="003B36A4"/>
    <w:rsid w:val="003E0690"/>
    <w:rsid w:val="003F0E44"/>
    <w:rsid w:val="003F6855"/>
    <w:rsid w:val="00400966"/>
    <w:rsid w:val="0040369B"/>
    <w:rsid w:val="00444A77"/>
    <w:rsid w:val="0044726C"/>
    <w:rsid w:val="00455AB2"/>
    <w:rsid w:val="0047038D"/>
    <w:rsid w:val="00474DC2"/>
    <w:rsid w:val="00475984"/>
    <w:rsid w:val="00484F8A"/>
    <w:rsid w:val="00486F13"/>
    <w:rsid w:val="00492075"/>
    <w:rsid w:val="004A7379"/>
    <w:rsid w:val="004B1C16"/>
    <w:rsid w:val="004D1CED"/>
    <w:rsid w:val="004D706A"/>
    <w:rsid w:val="004E5406"/>
    <w:rsid w:val="004E6917"/>
    <w:rsid w:val="004F0E5B"/>
    <w:rsid w:val="004F1265"/>
    <w:rsid w:val="004F5FD8"/>
    <w:rsid w:val="005327A4"/>
    <w:rsid w:val="00564BA8"/>
    <w:rsid w:val="00587A7F"/>
    <w:rsid w:val="0059464E"/>
    <w:rsid w:val="005967D0"/>
    <w:rsid w:val="005A0520"/>
    <w:rsid w:val="005A29E2"/>
    <w:rsid w:val="005A3197"/>
    <w:rsid w:val="005C46EA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37F7"/>
    <w:rsid w:val="0066192C"/>
    <w:rsid w:val="00661D05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40E6F"/>
    <w:rsid w:val="007479D5"/>
    <w:rsid w:val="00752732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F5F8D"/>
    <w:rsid w:val="00803E0B"/>
    <w:rsid w:val="00806CCD"/>
    <w:rsid w:val="008153A3"/>
    <w:rsid w:val="00815FA0"/>
    <w:rsid w:val="008265C3"/>
    <w:rsid w:val="008341CC"/>
    <w:rsid w:val="0084111A"/>
    <w:rsid w:val="008428EC"/>
    <w:rsid w:val="00863DAB"/>
    <w:rsid w:val="0086449F"/>
    <w:rsid w:val="00877D1A"/>
    <w:rsid w:val="00896492"/>
    <w:rsid w:val="008B167B"/>
    <w:rsid w:val="008B5C75"/>
    <w:rsid w:val="008F1D79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73155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7717D"/>
    <w:rsid w:val="00A96BA8"/>
    <w:rsid w:val="00AA6C16"/>
    <w:rsid w:val="00AB4DD7"/>
    <w:rsid w:val="00AC060A"/>
    <w:rsid w:val="00AC5E06"/>
    <w:rsid w:val="00AC5E3C"/>
    <w:rsid w:val="00AD0636"/>
    <w:rsid w:val="00AD106A"/>
    <w:rsid w:val="00AD7BBF"/>
    <w:rsid w:val="00AF2465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75925"/>
    <w:rsid w:val="00B828D3"/>
    <w:rsid w:val="00B83193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80141"/>
    <w:rsid w:val="00C91725"/>
    <w:rsid w:val="00C974D0"/>
    <w:rsid w:val="00CA2C8A"/>
    <w:rsid w:val="00CA42DD"/>
    <w:rsid w:val="00CA71C9"/>
    <w:rsid w:val="00CB6A31"/>
    <w:rsid w:val="00CC7FA3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499"/>
    <w:rsid w:val="00F33696"/>
    <w:rsid w:val="00F40247"/>
    <w:rsid w:val="00F411E1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AB684A7"/>
  <w15:chartTrackingRefBased/>
  <w15:docId w15:val="{C4864DA3-13DD-4B91-9F83-B042C9EBA05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5C46EA"/>
    <w:pPr>
      <w:spacing w:after="160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  <w:style w:type="paragraph" w:customStyle="1" w:styleId="Default">
    <w:name w:val="Default"/>
    <w:rsid w:val="005C46EA"/>
    <w:pPr>
      <w:autoSpaceDE w:val="0"/>
      <w:autoSpaceDN w:val="0"/>
      <w:adjustRightInd w:val="0"/>
    </w:pPr>
    <w:rPr>
      <w:rFonts w:ascii="Calibri" w:hAnsi="Calibri" w:cs="Calibri"/>
      <w:color w:val="000000"/>
    </w:rPr>
  </w:style>
  <w:style w:type="character" w:styleId="UnresolvedMention">
    <w:name w:val="Unresolved Mention"/>
    <w:basedOn w:val="DefaultParagraphFont"/>
    <w:uiPriority w:val="99"/>
    <w:semiHidden/>
    <w:unhideWhenUsed/>
    <w:rsid w:val="00B75925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chesterfield.gov.uk/media/1485734/staveley-town-investment-plan-part-1.pdf" TargetMode="Externa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colas.Wiecek\AppData\Local\Temp\Templafy\WordVsto\ceq51m51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TemplafyTemplateConfiguration><![CDATA[{"elementsMetadata":[],"transformationConfigurations":[{"colorTheme":"{{DataSources.ColorThemes[\"Arup\"].ColorTheme}}"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paperWidth":"{{UserProfile.PageSetup.PageWidth}}","paperHeight":"{{UserProfile.PageSetup.PageHeight}}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4d878908-b99f-41d1-be17-6dcd2860b965">
      <UserInfo>
        <DisplayName/>
        <AccountId xsi:nil="true"/>
        <AccountType/>
      </UserInfo>
    </SharedWithUsers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3962D51B0082B449019A17F7129E4D4" ma:contentTypeVersion="14" ma:contentTypeDescription="Create a new document." ma:contentTypeScope="" ma:versionID="26cab37a31d1796ef8a08dba79a7f463">
  <xsd:schema xmlns:xsd="http://www.w3.org/2001/XMLSchema" xmlns:xs="http://www.w3.org/2001/XMLSchema" xmlns:p="http://schemas.microsoft.com/office/2006/metadata/properties" xmlns:ns2="d310d62f-c8d4-4af6-9329-f31e540e84ee" xmlns:ns3="4d878908-b99f-41d1-be17-6dcd2860b965" targetNamespace="http://schemas.microsoft.com/office/2006/metadata/properties" ma:root="true" ma:fieldsID="f720587c502fb869947a2c6041153f57" ns2:_="" ns3:_="">
    <xsd:import namespace="d310d62f-c8d4-4af6-9329-f31e540e84ee"/>
    <xsd:import namespace="4d878908-b99f-41d1-be17-6dcd2860b96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10d62f-c8d4-4af6-9329-f31e540e84e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878908-b99f-41d1-be17-6dcd2860b965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3AA89657-663A-4AE2-BC04-8F68AC1A86AE}">
  <ds:schemaRefs/>
</ds:datastoreItem>
</file>

<file path=customXml/itemProps3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92303729-6A3C-4885-ABFF-59EC9BEAF5E7}">
  <ds:schemaRefs>
    <ds:schemaRef ds:uri="http://purl.org/dc/elements/1.1/"/>
    <ds:schemaRef ds:uri="http://purl.org/dc/dcmitype/"/>
    <ds:schemaRef ds:uri="320a551e-16f4-47a3-9de3-a44184757694"/>
    <ds:schemaRef ds:uri="http://purl.org/dc/terms/"/>
    <ds:schemaRef ds:uri="http://schemas.microsoft.com/office/2006/documentManagement/types"/>
    <ds:schemaRef ds:uri="http://www.w3.org/XML/1998/namespace"/>
    <ds:schemaRef ds:uri="http://schemas.openxmlformats.org/package/2006/metadata/core-properties"/>
    <ds:schemaRef ds:uri="http://schemas.microsoft.com/office/2006/metadata/properties"/>
    <ds:schemaRef ds:uri="http://schemas.microsoft.com/office/infopath/2007/PartnerControls"/>
    <ds:schemaRef ds:uri="33f53f2e-5ee9-41f0-8aa6-727ab8d0edfa"/>
  </ds:schemaRefs>
</ds:datastoreItem>
</file>

<file path=customXml/itemProps5.xml><?xml version="1.0" encoding="utf-8"?>
<ds:datastoreItem xmlns:ds="http://schemas.openxmlformats.org/officeDocument/2006/customXml" ds:itemID="{56095FF5-0B54-4C42-9345-A94E5482D7B2}">
  <ds:schemaRefs/>
</ds:datastoreItem>
</file>

<file path=customXml/itemProps6.xml><?xml version="1.0" encoding="utf-8"?>
<ds:datastoreItem xmlns:ds="http://schemas.openxmlformats.org/officeDocument/2006/customXml" ds:itemID="{9F047F3F-352B-4FD2-B508-723B614C7AE5}"/>
</file>

<file path=docProps/app.xml><?xml version="1.0" encoding="utf-8"?>
<Properties xmlns="http://schemas.openxmlformats.org/officeDocument/2006/extended-properties" xmlns:vt="http://schemas.openxmlformats.org/officeDocument/2006/docPropsVTypes">
  <Template>ceq51m51</Template>
  <TotalTime>50</TotalTime>
  <Pages>2</Pages>
  <Words>735</Words>
  <Characters>4195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49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colas Wiecek</dc:creator>
  <cp:keywords/>
  <dc:description/>
  <cp:lastModifiedBy>Nicolas Wiecek</cp:lastModifiedBy>
  <cp:revision>1</cp:revision>
  <dcterms:created xsi:type="dcterms:W3CDTF">2022-11-29T10:57:00Z</dcterms:created>
  <dcterms:modified xsi:type="dcterms:W3CDTF">2022-11-29T11:59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638029865710576979</vt:lpwstr>
  </property>
  <property fmtid="{D5CDD505-2E9C-101B-9397-08002B2CF9AE}" pid="12" name="TemplafyUserProfileId">
    <vt:lpwstr>637793864108431021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  <property fmtid="{D5CDD505-2E9C-101B-9397-08002B2CF9AE}" pid="15" name="ContentTypeId">
    <vt:lpwstr>0x01010033962D51B0082B449019A17F7129E4D4</vt:lpwstr>
  </property>
</Properties>
</file>